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ug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6ECC74D-2DC1-6657-10B8-64BA0F1519C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9222" y="5349874"/>
            <a:ext cx="2193497" cy="129416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6FDA5EE1-159B-0580-8345-CE767134925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548" y="4572000"/>
            <a:ext cx="1397054" cy="82426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0-01T12:13:16Z</dcterms:modified>
</cp:coreProperties>
</file>